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5" rupBuild="28526"/>
  <workbookPr defaultThemeVersion="124226"/>
  <mc:AlternateContent xmlns:mc="http://schemas.openxmlformats.org/markup-compatibility/2006">
    <mc:Choice Requires="x15">
      <x15ac:absPath xmlns:x15ac="http://schemas.microsoft.com/office/spreadsheetml/2010/11/ac" url="\\kfs01\s1504\01_母子保健Ｇ\14_厚生統計\11_統計資料\01_衛生統計年報\R07\02_統計資料作成\06_HP公表\令和5年神奈川県衛生統計年報帳票（人口動態調査の集計データ加工業務委託）\03_08_人口動態調査_離婚\"/>
    </mc:Choice>
  </mc:AlternateContent>
  <xr:revisionPtr revIDLastSave="0" documentId="13_ncr:1_{EBBD9BF7-2838-402C-AF4F-4E542E66E961}" xr6:coauthVersionLast="47" xr6:coauthVersionMax="47" xr10:uidLastSave="{00000000-0000-0000-0000-000000000000}"/>
  <bookViews>
    <workbookView xWindow="1500" yWindow="390" windowWidth="27270" windowHeight="15555" xr2:uid="{00000000-000D-0000-FFFF-FFFF00000000}"/>
  </bookViews>
  <sheets>
    <sheet name="Rikon0100" sheetId="3" r:id="rId1"/>
  </sheets>
  <definedNames>
    <definedName name="_xlnm.Print_Area" localSheetId="0">Rikon0100!$A$3:$N$69</definedName>
  </definedNames>
  <calcPr calcId="101716" calcMode="manual"/>
</workbook>
</file>

<file path=xl/sharedStrings.xml><?xml version="1.0" encoding="utf-8"?>
<sst xmlns="http://schemas.openxmlformats.org/spreadsheetml/2006/main" count="79" uniqueCount="77">
  <si>
    <t>総数</t>
    <phoneticPr fontId="1"/>
  </si>
  <si>
    <t>1月</t>
  </si>
  <si>
    <t>2月</t>
  </si>
  <si>
    <t>3月</t>
  </si>
  <si>
    <t>4月</t>
  </si>
  <si>
    <t>5月</t>
  </si>
  <si>
    <t>6月</t>
  </si>
  <si>
    <t>7月</t>
  </si>
  <si>
    <t>8月</t>
  </si>
  <si>
    <t>9月</t>
  </si>
  <si>
    <t>10月</t>
  </si>
  <si>
    <t>11月</t>
  </si>
  <si>
    <t>12月</t>
  </si>
  <si>
    <t>令和３年</t>
    <rPh sb="0" eb="2">
      <t>レイワ</t>
    </rPh>
    <rPh sb="3" eb="4">
      <t>ネン</t>
    </rPh>
    <phoneticPr fontId="1"/>
  </si>
  <si>
    <t>令和４年</t>
    <rPh sb="0" eb="2">
      <t>レイワ</t>
    </rPh>
    <rPh sb="3" eb="4">
      <t>ネン</t>
    </rPh>
    <phoneticPr fontId="1"/>
  </si>
  <si>
    <t>令和５年</t>
    <rPh sb="0" eb="2">
      <t>レイワ</t>
    </rPh>
    <rPh sb="3" eb="4">
      <t>ネン</t>
    </rPh>
    <phoneticPr fontId="1"/>
  </si>
  <si>
    <t>市部計</t>
  </si>
  <si>
    <t>郡部計</t>
  </si>
  <si>
    <t>横浜市</t>
  </si>
  <si>
    <t>鶴見区</t>
  </si>
  <si>
    <t>神奈川区</t>
  </si>
  <si>
    <t>西区</t>
  </si>
  <si>
    <t>中区</t>
  </si>
  <si>
    <t>南区</t>
  </si>
  <si>
    <t>保土ケ谷区</t>
  </si>
  <si>
    <t>磯子区</t>
  </si>
  <si>
    <t>金沢区</t>
  </si>
  <si>
    <t>港北区</t>
  </si>
  <si>
    <t>戸塚区</t>
  </si>
  <si>
    <t>港南区</t>
  </si>
  <si>
    <t>旭区</t>
  </si>
  <si>
    <t>緑区</t>
  </si>
  <si>
    <t>瀬谷区</t>
  </si>
  <si>
    <t>栄区</t>
  </si>
  <si>
    <t>泉区</t>
  </si>
  <si>
    <t>青葉区</t>
  </si>
  <si>
    <t>都筑区</t>
  </si>
  <si>
    <t>川崎市</t>
  </si>
  <si>
    <t>川崎区</t>
  </si>
  <si>
    <t>幸区</t>
  </si>
  <si>
    <t>中原区</t>
  </si>
  <si>
    <t>高津区</t>
  </si>
  <si>
    <t>多摩区</t>
  </si>
  <si>
    <t>宮前区</t>
  </si>
  <si>
    <t>麻生区</t>
  </si>
  <si>
    <t>相模原市</t>
  </si>
  <si>
    <t>中央区</t>
  </si>
  <si>
    <t>横須賀市</t>
  </si>
  <si>
    <t>平塚市</t>
  </si>
  <si>
    <t>鎌倉市</t>
  </si>
  <si>
    <t>藤沢市</t>
  </si>
  <si>
    <t>小田原市</t>
  </si>
  <si>
    <t>茅ケ崎市</t>
  </si>
  <si>
    <t>逗子市</t>
  </si>
  <si>
    <t>三浦市</t>
  </si>
  <si>
    <t>秦野市</t>
  </si>
  <si>
    <t>厚木市</t>
  </si>
  <si>
    <t>大和市</t>
  </si>
  <si>
    <t>伊勢原市</t>
  </si>
  <si>
    <t>海老名市</t>
  </si>
  <si>
    <t>座間市</t>
  </si>
  <si>
    <t>南足柄市</t>
  </si>
  <si>
    <t>綾瀬市</t>
  </si>
  <si>
    <t>葉山町</t>
  </si>
  <si>
    <t>寒川町</t>
  </si>
  <si>
    <t>大磯町</t>
  </si>
  <si>
    <t>二宮町</t>
  </si>
  <si>
    <t>中井町</t>
  </si>
  <si>
    <t>大井町</t>
  </si>
  <si>
    <t>松田町</t>
  </si>
  <si>
    <t>山北町</t>
  </si>
  <si>
    <t>開成町</t>
  </si>
  <si>
    <t>箱根町</t>
  </si>
  <si>
    <t>真鶴町</t>
  </si>
  <si>
    <t>湯河原町</t>
  </si>
  <si>
    <t>愛川町</t>
  </si>
  <si>
    <t>清川村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3">
    <numFmt numFmtId="176" formatCode="_(* #,##0_);_(* \(#,##0\);_(* &quot;-&quot;_);_(@_)"/>
    <numFmt numFmtId="177" formatCode="#,##0;\-#,##0;0"/>
    <numFmt numFmtId="178" formatCode="[$-411]ggg\ e&quot;年&quot;"/>
  </numFmts>
  <fonts count="4" x14ac:knownFonts="1"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sz val="9"/>
      <name val="ＭＳ Ｐゴシック"/>
      <family val="3"/>
      <charset val="128"/>
    </font>
    <font>
      <b/>
      <sz val="11"/>
      <name val="ＭＳ Ｐゴシック"/>
      <family val="3"/>
      <charset val="128"/>
    </font>
  </fonts>
  <fills count="3">
    <fill>
      <patternFill patternType="none"/>
    </fill>
    <fill>
      <patternFill patternType="gray125"/>
    </fill>
    <fill>
      <patternFill patternType="solid">
        <fgColor indexed="9"/>
        <bgColor indexed="64"/>
      </patternFill>
    </fill>
  </fills>
  <borders count="14">
    <border>
      <left/>
      <right/>
      <top/>
      <bottom/>
      <diagonal/>
    </border>
    <border>
      <left style="thin">
        <color indexed="64"/>
      </left>
      <right style="thin">
        <color indexed="64"/>
      </right>
      <top style="medium">
        <color indexed="64"/>
      </top>
      <bottom/>
      <diagonal/>
    </border>
    <border>
      <left style="medium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medium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medium">
        <color indexed="64"/>
      </right>
      <top/>
      <bottom/>
      <diagonal/>
    </border>
    <border>
      <left style="medium">
        <color indexed="64"/>
      </left>
      <right/>
      <top/>
      <bottom/>
      <diagonal/>
    </border>
    <border>
      <left style="medium">
        <color indexed="64"/>
      </left>
      <right/>
      <top/>
      <bottom style="medium">
        <color indexed="64"/>
      </bottom>
      <diagonal/>
    </border>
    <border>
      <left style="thin">
        <color indexed="64"/>
      </left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 style="medium">
        <color indexed="64"/>
      </right>
      <top/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/>
      <right style="medium">
        <color indexed="64"/>
      </right>
      <top style="medium">
        <color indexed="64"/>
      </top>
      <bottom style="thin">
        <color indexed="64"/>
      </bottom>
      <diagonal/>
    </border>
  </borders>
  <cellStyleXfs count="1">
    <xf numFmtId="0" fontId="0" fillId="0" borderId="0">
      <alignment vertical="center"/>
    </xf>
  </cellStyleXfs>
  <cellXfs count="19">
    <xf numFmtId="0" fontId="0" fillId="0" borderId="0" xfId="0">
      <alignment vertical="center"/>
    </xf>
    <xf numFmtId="0" fontId="2" fillId="2" borderId="0" xfId="0" applyFont="1" applyFill="1" applyAlignment="1">
      <alignment horizontal="center" vertical="center" wrapText="1"/>
    </xf>
    <xf numFmtId="0" fontId="2" fillId="2" borderId="0" xfId="0" applyFont="1" applyFill="1">
      <alignment vertical="center"/>
    </xf>
    <xf numFmtId="0" fontId="2" fillId="0" borderId="11" xfId="0" applyFont="1" applyBorder="1" applyAlignment="1">
      <alignment horizontal="distributed" vertical="center" wrapText="1"/>
    </xf>
    <xf numFmtId="177" fontId="2" fillId="0" borderId="1" xfId="0" applyNumberFormat="1" applyFont="1" applyBorder="1" applyAlignment="1">
      <alignment horizontal="center" vertical="center" wrapText="1"/>
    </xf>
    <xf numFmtId="0" fontId="2" fillId="0" borderId="12" xfId="0" applyFont="1" applyBorder="1" applyAlignment="1">
      <alignment horizontal="center" vertical="center"/>
    </xf>
    <xf numFmtId="0" fontId="2" fillId="0" borderId="13" xfId="0" applyFont="1" applyBorder="1" applyAlignment="1">
      <alignment horizontal="center" vertical="center"/>
    </xf>
    <xf numFmtId="178" fontId="2" fillId="0" borderId="2" xfId="0" applyNumberFormat="1" applyFont="1" applyBorder="1" applyAlignment="1">
      <alignment horizontal="distributed" vertical="center"/>
    </xf>
    <xf numFmtId="176" fontId="2" fillId="0" borderId="3" xfId="0" applyNumberFormat="1" applyFont="1" applyBorder="1">
      <alignment vertical="center"/>
    </xf>
    <xf numFmtId="176" fontId="2" fillId="0" borderId="4" xfId="0" applyNumberFormat="1" applyFont="1" applyBorder="1">
      <alignment vertical="center"/>
    </xf>
    <xf numFmtId="176" fontId="2" fillId="0" borderId="5" xfId="0" applyNumberFormat="1" applyFont="1" applyBorder="1">
      <alignment vertical="center"/>
    </xf>
    <xf numFmtId="176" fontId="2" fillId="0" borderId="6" xfId="0" applyNumberFormat="1" applyFont="1" applyBorder="1">
      <alignment vertical="center"/>
    </xf>
    <xf numFmtId="0" fontId="2" fillId="0" borderId="7" xfId="0" applyFont="1" applyBorder="1" applyAlignment="1">
      <alignment horizontal="distributed" vertical="center"/>
    </xf>
    <xf numFmtId="0" fontId="2" fillId="0" borderId="8" xfId="0" applyFont="1" applyBorder="1" applyAlignment="1">
      <alignment horizontal="distributed" vertical="center"/>
    </xf>
    <xf numFmtId="176" fontId="2" fillId="0" borderId="9" xfId="0" applyNumberFormat="1" applyFont="1" applyBorder="1">
      <alignment vertical="center"/>
    </xf>
    <xf numFmtId="176" fontId="2" fillId="0" borderId="10" xfId="0" applyNumberFormat="1" applyFont="1" applyBorder="1">
      <alignment vertical="center"/>
    </xf>
    <xf numFmtId="0" fontId="2" fillId="0" borderId="0" xfId="0" applyFont="1" applyAlignment="1">
      <alignment horizontal="distributed" vertical="center"/>
    </xf>
    <xf numFmtId="177" fontId="2" fillId="0" borderId="0" xfId="0" applyNumberFormat="1" applyFont="1">
      <alignment vertical="center"/>
    </xf>
    <xf numFmtId="177" fontId="3" fillId="0" borderId="0" xfId="0" applyNumberFormat="1" applyFont="1">
      <alignment vertical="center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Theme 2007 - 2010">
  <a:themeElements>
    <a:clrScheme name="Office 2007 - 2010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 2007 - 2010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 2007 - 2010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dimension ref="A1:N69"/>
  <sheetViews>
    <sheetView tabSelected="1" zoomScaleNormal="100" workbookViewId="0"/>
  </sheetViews>
  <sheetFormatPr defaultColWidth="9" defaultRowHeight="11.25" x14ac:dyDescent="0.15"/>
  <cols>
    <col min="1" max="1" width="13.125" style="16" customWidth="1"/>
    <col min="2" max="14" width="8.375" style="17" customWidth="1"/>
    <col min="15" max="16384" width="9" style="2"/>
  </cols>
  <sheetData>
    <row r="1" spans="1:14" ht="13.5" x14ac:dyDescent="0.15">
      <c r="A1" s="18"/>
    </row>
    <row r="2" spans="1:14" ht="12" thickBot="1" x14ac:dyDescent="0.2"/>
    <row r="3" spans="1:14" s="1" customFormat="1" ht="33" customHeight="1" x14ac:dyDescent="0.15">
      <c r="A3" s="3"/>
      <c r="B3" s="4" t="s">
        <v>0</v>
      </c>
      <c r="C3" s="5" t="s">
        <v>1</v>
      </c>
      <c r="D3" s="5" t="s">
        <v>2</v>
      </c>
      <c r="E3" s="5" t="s">
        <v>3</v>
      </c>
      <c r="F3" s="5" t="s">
        <v>4</v>
      </c>
      <c r="G3" s="5" t="s">
        <v>5</v>
      </c>
      <c r="H3" s="5" t="s">
        <v>6</v>
      </c>
      <c r="I3" s="5" t="s">
        <v>7</v>
      </c>
      <c r="J3" s="5" t="s">
        <v>8</v>
      </c>
      <c r="K3" s="5" t="s">
        <v>9</v>
      </c>
      <c r="L3" s="5" t="s">
        <v>10</v>
      </c>
      <c r="M3" s="5" t="s">
        <v>11</v>
      </c>
      <c r="N3" s="6" t="s">
        <v>12</v>
      </c>
    </row>
    <row r="4" spans="1:14" ht="15.75" customHeight="1" x14ac:dyDescent="0.15">
      <c r="A4" s="7" t="s">
        <v>13</v>
      </c>
      <c r="B4" s="8">
        <v>13169</v>
      </c>
      <c r="C4" s="8">
        <v>1099</v>
      </c>
      <c r="D4" s="8">
        <v>1076</v>
      </c>
      <c r="E4" s="8">
        <v>1604</v>
      </c>
      <c r="F4" s="8">
        <v>1159</v>
      </c>
      <c r="G4" s="8">
        <v>968</v>
      </c>
      <c r="H4" s="8">
        <v>1033</v>
      </c>
      <c r="I4" s="8">
        <v>1023</v>
      </c>
      <c r="J4" s="8">
        <v>961</v>
      </c>
      <c r="K4" s="8">
        <v>1059</v>
      </c>
      <c r="L4" s="8">
        <v>1030</v>
      </c>
      <c r="M4" s="8">
        <v>1027</v>
      </c>
      <c r="N4" s="9">
        <v>1130</v>
      </c>
    </row>
    <row r="5" spans="1:14" ht="15.75" customHeight="1" x14ac:dyDescent="0.15">
      <c r="A5" s="7" t="s">
        <v>14</v>
      </c>
      <c r="B5" s="10">
        <v>12797</v>
      </c>
      <c r="C5" s="10">
        <v>1045</v>
      </c>
      <c r="D5" s="10">
        <v>959</v>
      </c>
      <c r="E5" s="10">
        <v>1307</v>
      </c>
      <c r="F5" s="10">
        <v>1094</v>
      </c>
      <c r="G5" s="10">
        <v>1082</v>
      </c>
      <c r="H5" s="10">
        <v>1077</v>
      </c>
      <c r="I5" s="10">
        <v>902</v>
      </c>
      <c r="J5" s="10">
        <v>1103</v>
      </c>
      <c r="K5" s="10">
        <v>1032</v>
      </c>
      <c r="L5" s="10">
        <v>1075</v>
      </c>
      <c r="M5" s="10">
        <v>1030</v>
      </c>
      <c r="N5" s="11">
        <v>1091</v>
      </c>
    </row>
    <row r="6" spans="1:14" ht="15.75" customHeight="1" x14ac:dyDescent="0.15">
      <c r="A6" s="7" t="s">
        <v>15</v>
      </c>
      <c r="B6" s="10">
        <v>13343</v>
      </c>
      <c r="C6" s="10">
        <v>1035</v>
      </c>
      <c r="D6" s="10">
        <v>1121</v>
      </c>
      <c r="E6" s="10">
        <v>1485</v>
      </c>
      <c r="F6" s="10">
        <v>1119</v>
      </c>
      <c r="G6" s="10">
        <v>1117</v>
      </c>
      <c r="H6" s="10">
        <v>1041</v>
      </c>
      <c r="I6" s="10">
        <v>1081</v>
      </c>
      <c r="J6" s="10">
        <v>1012</v>
      </c>
      <c r="K6" s="10">
        <v>1096</v>
      </c>
      <c r="L6" s="10">
        <v>1087</v>
      </c>
      <c r="M6" s="10">
        <v>1003</v>
      </c>
      <c r="N6" s="11">
        <v>1146</v>
      </c>
    </row>
    <row r="7" spans="1:14" ht="15.75" customHeight="1" x14ac:dyDescent="0.15">
      <c r="A7" s="12" t="s">
        <v>16</v>
      </c>
      <c r="B7" s="10">
        <v>12902</v>
      </c>
      <c r="C7" s="10">
        <v>1012</v>
      </c>
      <c r="D7" s="10">
        <v>1084</v>
      </c>
      <c r="E7" s="10">
        <v>1427</v>
      </c>
      <c r="F7" s="10">
        <v>1087</v>
      </c>
      <c r="G7" s="10">
        <v>1083</v>
      </c>
      <c r="H7" s="10">
        <v>1005</v>
      </c>
      <c r="I7" s="10">
        <v>1050</v>
      </c>
      <c r="J7" s="10">
        <v>976</v>
      </c>
      <c r="K7" s="10">
        <v>1038</v>
      </c>
      <c r="L7" s="10">
        <v>1052</v>
      </c>
      <c r="M7" s="10">
        <v>971</v>
      </c>
      <c r="N7" s="11">
        <v>1117</v>
      </c>
    </row>
    <row r="8" spans="1:14" ht="15.75" customHeight="1" x14ac:dyDescent="0.15">
      <c r="A8" s="12" t="s">
        <v>17</v>
      </c>
      <c r="B8" s="10">
        <v>441</v>
      </c>
      <c r="C8" s="10">
        <v>23</v>
      </c>
      <c r="D8" s="10">
        <v>37</v>
      </c>
      <c r="E8" s="10">
        <v>58</v>
      </c>
      <c r="F8" s="10">
        <v>32</v>
      </c>
      <c r="G8" s="10">
        <v>34</v>
      </c>
      <c r="H8" s="10">
        <v>36</v>
      </c>
      <c r="I8" s="10">
        <v>31</v>
      </c>
      <c r="J8" s="10">
        <v>36</v>
      </c>
      <c r="K8" s="10">
        <v>58</v>
      </c>
      <c r="L8" s="10">
        <v>35</v>
      </c>
      <c r="M8" s="10">
        <v>32</v>
      </c>
      <c r="N8" s="11">
        <v>29</v>
      </c>
    </row>
    <row r="9" spans="1:14" ht="15.75" customHeight="1" x14ac:dyDescent="0.15">
      <c r="A9" s="12" t="s">
        <v>18</v>
      </c>
      <c r="B9" s="10">
        <v>5319</v>
      </c>
      <c r="C9" s="10">
        <v>423</v>
      </c>
      <c r="D9" s="10">
        <v>458</v>
      </c>
      <c r="E9" s="10">
        <v>612</v>
      </c>
      <c r="F9" s="10">
        <v>447</v>
      </c>
      <c r="G9" s="10">
        <v>452</v>
      </c>
      <c r="H9" s="10">
        <v>410</v>
      </c>
      <c r="I9" s="10">
        <v>418</v>
      </c>
      <c r="J9" s="10">
        <v>437</v>
      </c>
      <c r="K9" s="10">
        <v>423</v>
      </c>
      <c r="L9" s="10">
        <v>439</v>
      </c>
      <c r="M9" s="10">
        <v>359</v>
      </c>
      <c r="N9" s="11">
        <v>441</v>
      </c>
    </row>
    <row r="10" spans="1:14" ht="15.75" customHeight="1" x14ac:dyDescent="0.15">
      <c r="A10" s="12" t="s">
        <v>19</v>
      </c>
      <c r="B10" s="10">
        <v>401</v>
      </c>
      <c r="C10" s="10">
        <v>38</v>
      </c>
      <c r="D10" s="10">
        <v>29</v>
      </c>
      <c r="E10" s="10">
        <v>43</v>
      </c>
      <c r="F10" s="10">
        <v>30</v>
      </c>
      <c r="G10" s="10">
        <v>40</v>
      </c>
      <c r="H10" s="10">
        <v>22</v>
      </c>
      <c r="I10" s="10">
        <v>27</v>
      </c>
      <c r="J10" s="10">
        <v>39</v>
      </c>
      <c r="K10" s="10">
        <v>42</v>
      </c>
      <c r="L10" s="10">
        <v>27</v>
      </c>
      <c r="M10" s="10">
        <v>24</v>
      </c>
      <c r="N10" s="11">
        <v>40</v>
      </c>
    </row>
    <row r="11" spans="1:14" ht="15.75" customHeight="1" x14ac:dyDescent="0.15">
      <c r="A11" s="12" t="s">
        <v>20</v>
      </c>
      <c r="B11" s="10">
        <v>344</v>
      </c>
      <c r="C11" s="10">
        <v>30</v>
      </c>
      <c r="D11" s="10">
        <v>20</v>
      </c>
      <c r="E11" s="10">
        <v>43</v>
      </c>
      <c r="F11" s="10">
        <v>38</v>
      </c>
      <c r="G11" s="10">
        <v>33</v>
      </c>
      <c r="H11" s="10">
        <v>31</v>
      </c>
      <c r="I11" s="10">
        <v>23</v>
      </c>
      <c r="J11" s="10">
        <v>23</v>
      </c>
      <c r="K11" s="10">
        <v>30</v>
      </c>
      <c r="L11" s="10">
        <v>32</v>
      </c>
      <c r="M11" s="10">
        <v>17</v>
      </c>
      <c r="N11" s="11">
        <v>24</v>
      </c>
    </row>
    <row r="12" spans="1:14" ht="15.75" customHeight="1" x14ac:dyDescent="0.15">
      <c r="A12" s="12" t="s">
        <v>21</v>
      </c>
      <c r="B12" s="10">
        <v>179</v>
      </c>
      <c r="C12" s="10">
        <v>18</v>
      </c>
      <c r="D12" s="10">
        <v>21</v>
      </c>
      <c r="E12" s="10">
        <v>15</v>
      </c>
      <c r="F12" s="10">
        <v>15</v>
      </c>
      <c r="G12" s="10">
        <v>15</v>
      </c>
      <c r="H12" s="10">
        <v>14</v>
      </c>
      <c r="I12" s="10">
        <v>11</v>
      </c>
      <c r="J12" s="10">
        <v>14</v>
      </c>
      <c r="K12" s="10">
        <v>8</v>
      </c>
      <c r="L12" s="10">
        <v>20</v>
      </c>
      <c r="M12" s="10">
        <v>13</v>
      </c>
      <c r="N12" s="11">
        <v>15</v>
      </c>
    </row>
    <row r="13" spans="1:14" ht="15.75" customHeight="1" x14ac:dyDescent="0.15">
      <c r="A13" s="12" t="s">
        <v>22</v>
      </c>
      <c r="B13" s="10">
        <v>282</v>
      </c>
      <c r="C13" s="10">
        <v>27</v>
      </c>
      <c r="D13" s="10">
        <v>29</v>
      </c>
      <c r="E13" s="10">
        <v>30</v>
      </c>
      <c r="F13" s="10">
        <v>32</v>
      </c>
      <c r="G13" s="10">
        <v>21</v>
      </c>
      <c r="H13" s="10">
        <v>21</v>
      </c>
      <c r="I13" s="10">
        <v>27</v>
      </c>
      <c r="J13" s="10">
        <v>19</v>
      </c>
      <c r="K13" s="10">
        <v>20</v>
      </c>
      <c r="L13" s="10">
        <v>13</v>
      </c>
      <c r="M13" s="10">
        <v>9</v>
      </c>
      <c r="N13" s="11">
        <v>34</v>
      </c>
    </row>
    <row r="14" spans="1:14" ht="15.75" customHeight="1" x14ac:dyDescent="0.15">
      <c r="A14" s="12" t="s">
        <v>23</v>
      </c>
      <c r="B14" s="10">
        <v>331</v>
      </c>
      <c r="C14" s="10">
        <v>24</v>
      </c>
      <c r="D14" s="10">
        <v>31</v>
      </c>
      <c r="E14" s="10">
        <v>40</v>
      </c>
      <c r="F14" s="10">
        <v>33</v>
      </c>
      <c r="G14" s="10">
        <v>20</v>
      </c>
      <c r="H14" s="10">
        <v>30</v>
      </c>
      <c r="I14" s="10">
        <v>28</v>
      </c>
      <c r="J14" s="10">
        <v>23</v>
      </c>
      <c r="K14" s="10">
        <v>23</v>
      </c>
      <c r="L14" s="10">
        <v>24</v>
      </c>
      <c r="M14" s="10">
        <v>29</v>
      </c>
      <c r="N14" s="11">
        <v>26</v>
      </c>
    </row>
    <row r="15" spans="1:14" ht="15.75" customHeight="1" x14ac:dyDescent="0.15">
      <c r="A15" s="12" t="s">
        <v>24</v>
      </c>
      <c r="B15" s="10">
        <v>305</v>
      </c>
      <c r="C15" s="10">
        <v>24</v>
      </c>
      <c r="D15" s="10">
        <v>22</v>
      </c>
      <c r="E15" s="10">
        <v>28</v>
      </c>
      <c r="F15" s="10">
        <v>30</v>
      </c>
      <c r="G15" s="10">
        <v>33</v>
      </c>
      <c r="H15" s="10">
        <v>21</v>
      </c>
      <c r="I15" s="10">
        <v>20</v>
      </c>
      <c r="J15" s="10">
        <v>22</v>
      </c>
      <c r="K15" s="10">
        <v>26</v>
      </c>
      <c r="L15" s="10">
        <v>28</v>
      </c>
      <c r="M15" s="10">
        <v>27</v>
      </c>
      <c r="N15" s="11">
        <v>24</v>
      </c>
    </row>
    <row r="16" spans="1:14" ht="15.75" customHeight="1" x14ac:dyDescent="0.15">
      <c r="A16" s="12" t="s">
        <v>25</v>
      </c>
      <c r="B16" s="10">
        <v>256</v>
      </c>
      <c r="C16" s="10">
        <v>20</v>
      </c>
      <c r="D16" s="10">
        <v>21</v>
      </c>
      <c r="E16" s="10">
        <v>29</v>
      </c>
      <c r="F16" s="10">
        <v>17</v>
      </c>
      <c r="G16" s="10">
        <v>15</v>
      </c>
      <c r="H16" s="10">
        <v>22</v>
      </c>
      <c r="I16" s="10">
        <v>26</v>
      </c>
      <c r="J16" s="10">
        <v>17</v>
      </c>
      <c r="K16" s="10">
        <v>20</v>
      </c>
      <c r="L16" s="10">
        <v>25</v>
      </c>
      <c r="M16" s="10">
        <v>16</v>
      </c>
      <c r="N16" s="11">
        <v>28</v>
      </c>
    </row>
    <row r="17" spans="1:14" ht="15.75" customHeight="1" x14ac:dyDescent="0.15">
      <c r="A17" s="12" t="s">
        <v>26</v>
      </c>
      <c r="B17" s="10">
        <v>238</v>
      </c>
      <c r="C17" s="10">
        <v>21</v>
      </c>
      <c r="D17" s="10">
        <v>23</v>
      </c>
      <c r="E17" s="10">
        <v>31</v>
      </c>
      <c r="F17" s="10">
        <v>16</v>
      </c>
      <c r="G17" s="10">
        <v>20</v>
      </c>
      <c r="H17" s="10">
        <v>14</v>
      </c>
      <c r="I17" s="10">
        <v>19</v>
      </c>
      <c r="J17" s="10">
        <v>20</v>
      </c>
      <c r="K17" s="10">
        <v>20</v>
      </c>
      <c r="L17" s="10">
        <v>13</v>
      </c>
      <c r="M17" s="10">
        <v>21</v>
      </c>
      <c r="N17" s="11">
        <v>20</v>
      </c>
    </row>
    <row r="18" spans="1:14" ht="15.75" customHeight="1" x14ac:dyDescent="0.15">
      <c r="A18" s="12" t="s">
        <v>27</v>
      </c>
      <c r="B18" s="10">
        <v>444</v>
      </c>
      <c r="C18" s="10">
        <v>36</v>
      </c>
      <c r="D18" s="10">
        <v>41</v>
      </c>
      <c r="E18" s="10">
        <v>60</v>
      </c>
      <c r="F18" s="10">
        <v>35</v>
      </c>
      <c r="G18" s="10">
        <v>38</v>
      </c>
      <c r="H18" s="10">
        <v>36</v>
      </c>
      <c r="I18" s="10">
        <v>36</v>
      </c>
      <c r="J18" s="10">
        <v>37</v>
      </c>
      <c r="K18" s="10">
        <v>31</v>
      </c>
      <c r="L18" s="10">
        <v>38</v>
      </c>
      <c r="M18" s="10">
        <v>26</v>
      </c>
      <c r="N18" s="11">
        <v>30</v>
      </c>
    </row>
    <row r="19" spans="1:14" ht="15.75" customHeight="1" x14ac:dyDescent="0.15">
      <c r="A19" s="12" t="s">
        <v>28</v>
      </c>
      <c r="B19" s="10">
        <v>402</v>
      </c>
      <c r="C19" s="10">
        <v>25</v>
      </c>
      <c r="D19" s="10">
        <v>34</v>
      </c>
      <c r="E19" s="10">
        <v>52</v>
      </c>
      <c r="F19" s="10">
        <v>36</v>
      </c>
      <c r="G19" s="10">
        <v>41</v>
      </c>
      <c r="H19" s="10">
        <v>31</v>
      </c>
      <c r="I19" s="10">
        <v>33</v>
      </c>
      <c r="J19" s="10">
        <v>32</v>
      </c>
      <c r="K19" s="10">
        <v>35</v>
      </c>
      <c r="L19" s="10">
        <v>34</v>
      </c>
      <c r="M19" s="10">
        <v>22</v>
      </c>
      <c r="N19" s="11">
        <v>27</v>
      </c>
    </row>
    <row r="20" spans="1:14" ht="15.75" customHeight="1" x14ac:dyDescent="0.15">
      <c r="A20" s="12" t="s">
        <v>29</v>
      </c>
      <c r="B20" s="10">
        <v>295</v>
      </c>
      <c r="C20" s="10">
        <v>21</v>
      </c>
      <c r="D20" s="10">
        <v>25</v>
      </c>
      <c r="E20" s="10">
        <v>38</v>
      </c>
      <c r="F20" s="10">
        <v>23</v>
      </c>
      <c r="G20" s="10">
        <v>20</v>
      </c>
      <c r="H20" s="10">
        <v>30</v>
      </c>
      <c r="I20" s="10">
        <v>27</v>
      </c>
      <c r="J20" s="10">
        <v>30</v>
      </c>
      <c r="K20" s="10">
        <v>19</v>
      </c>
      <c r="L20" s="10">
        <v>19</v>
      </c>
      <c r="M20" s="10">
        <v>19</v>
      </c>
      <c r="N20" s="11">
        <v>24</v>
      </c>
    </row>
    <row r="21" spans="1:14" ht="15.75" customHeight="1" x14ac:dyDescent="0.15">
      <c r="A21" s="12" t="s">
        <v>30</v>
      </c>
      <c r="B21" s="10">
        <v>352</v>
      </c>
      <c r="C21" s="10">
        <v>32</v>
      </c>
      <c r="D21" s="10">
        <v>30</v>
      </c>
      <c r="E21" s="10">
        <v>39</v>
      </c>
      <c r="F21" s="10">
        <v>19</v>
      </c>
      <c r="G21" s="10">
        <v>31</v>
      </c>
      <c r="H21" s="10">
        <v>22</v>
      </c>
      <c r="I21" s="10">
        <v>26</v>
      </c>
      <c r="J21" s="10">
        <v>37</v>
      </c>
      <c r="K21" s="10">
        <v>23</v>
      </c>
      <c r="L21" s="10">
        <v>33</v>
      </c>
      <c r="M21" s="10">
        <v>32</v>
      </c>
      <c r="N21" s="11">
        <v>28</v>
      </c>
    </row>
    <row r="22" spans="1:14" ht="15.75" customHeight="1" x14ac:dyDescent="0.15">
      <c r="A22" s="12" t="s">
        <v>31</v>
      </c>
      <c r="B22" s="10">
        <v>238</v>
      </c>
      <c r="C22" s="10">
        <v>18</v>
      </c>
      <c r="D22" s="10">
        <v>23</v>
      </c>
      <c r="E22" s="10">
        <v>32</v>
      </c>
      <c r="F22" s="10">
        <v>14</v>
      </c>
      <c r="G22" s="10">
        <v>19</v>
      </c>
      <c r="H22" s="10">
        <v>22</v>
      </c>
      <c r="I22" s="10">
        <v>17</v>
      </c>
      <c r="J22" s="10">
        <v>23</v>
      </c>
      <c r="K22" s="10">
        <v>14</v>
      </c>
      <c r="L22" s="10">
        <v>21</v>
      </c>
      <c r="M22" s="10">
        <v>21</v>
      </c>
      <c r="N22" s="11">
        <v>14</v>
      </c>
    </row>
    <row r="23" spans="1:14" ht="15.75" customHeight="1" x14ac:dyDescent="0.15">
      <c r="A23" s="12" t="s">
        <v>32</v>
      </c>
      <c r="B23" s="10">
        <v>205</v>
      </c>
      <c r="C23" s="10">
        <v>18</v>
      </c>
      <c r="D23" s="10">
        <v>18</v>
      </c>
      <c r="E23" s="10">
        <v>21</v>
      </c>
      <c r="F23" s="10">
        <v>17</v>
      </c>
      <c r="G23" s="10">
        <v>18</v>
      </c>
      <c r="H23" s="10">
        <v>12</v>
      </c>
      <c r="I23" s="10">
        <v>16</v>
      </c>
      <c r="J23" s="10">
        <v>17</v>
      </c>
      <c r="K23" s="10">
        <v>19</v>
      </c>
      <c r="L23" s="10">
        <v>16</v>
      </c>
      <c r="M23" s="10">
        <v>11</v>
      </c>
      <c r="N23" s="11">
        <v>22</v>
      </c>
    </row>
    <row r="24" spans="1:14" ht="15.75" customHeight="1" x14ac:dyDescent="0.15">
      <c r="A24" s="12" t="s">
        <v>33</v>
      </c>
      <c r="B24" s="10">
        <v>144</v>
      </c>
      <c r="C24" s="10">
        <v>6</v>
      </c>
      <c r="D24" s="10">
        <v>10</v>
      </c>
      <c r="E24" s="10">
        <v>19</v>
      </c>
      <c r="F24" s="10">
        <v>7</v>
      </c>
      <c r="G24" s="10">
        <v>18</v>
      </c>
      <c r="H24" s="10">
        <v>13</v>
      </c>
      <c r="I24" s="10">
        <v>15</v>
      </c>
      <c r="J24" s="10">
        <v>12</v>
      </c>
      <c r="K24" s="10">
        <v>9</v>
      </c>
      <c r="L24" s="10">
        <v>14</v>
      </c>
      <c r="M24" s="10">
        <v>12</v>
      </c>
      <c r="N24" s="11">
        <v>9</v>
      </c>
    </row>
    <row r="25" spans="1:14" ht="15.75" customHeight="1" x14ac:dyDescent="0.15">
      <c r="A25" s="12" t="s">
        <v>34</v>
      </c>
      <c r="B25" s="10">
        <v>208</v>
      </c>
      <c r="C25" s="10">
        <v>15</v>
      </c>
      <c r="D25" s="10">
        <v>19</v>
      </c>
      <c r="E25" s="10">
        <v>12</v>
      </c>
      <c r="F25" s="10">
        <v>15</v>
      </c>
      <c r="G25" s="10">
        <v>23</v>
      </c>
      <c r="H25" s="10">
        <v>23</v>
      </c>
      <c r="I25" s="10">
        <v>14</v>
      </c>
      <c r="J25" s="10">
        <v>20</v>
      </c>
      <c r="K25" s="10">
        <v>19</v>
      </c>
      <c r="L25" s="10">
        <v>17</v>
      </c>
      <c r="M25" s="10">
        <v>19</v>
      </c>
      <c r="N25" s="11">
        <v>12</v>
      </c>
    </row>
    <row r="26" spans="1:14" ht="15.75" customHeight="1" x14ac:dyDescent="0.15">
      <c r="A26" s="12" t="s">
        <v>35</v>
      </c>
      <c r="B26" s="10">
        <v>393</v>
      </c>
      <c r="C26" s="10">
        <v>27</v>
      </c>
      <c r="D26" s="10">
        <v>32</v>
      </c>
      <c r="E26" s="10">
        <v>40</v>
      </c>
      <c r="F26" s="10">
        <v>37</v>
      </c>
      <c r="G26" s="10">
        <v>28</v>
      </c>
      <c r="H26" s="10">
        <v>25</v>
      </c>
      <c r="I26" s="10">
        <v>33</v>
      </c>
      <c r="J26" s="10">
        <v>35</v>
      </c>
      <c r="K26" s="10">
        <v>36</v>
      </c>
      <c r="L26" s="10">
        <v>33</v>
      </c>
      <c r="M26" s="10">
        <v>28</v>
      </c>
      <c r="N26" s="11">
        <v>39</v>
      </c>
    </row>
    <row r="27" spans="1:14" ht="15.75" customHeight="1" x14ac:dyDescent="0.15">
      <c r="A27" s="12" t="s">
        <v>36</v>
      </c>
      <c r="B27" s="10">
        <v>302</v>
      </c>
      <c r="C27" s="10">
        <v>23</v>
      </c>
      <c r="D27" s="10">
        <v>30</v>
      </c>
      <c r="E27" s="10">
        <v>40</v>
      </c>
      <c r="F27" s="10">
        <v>33</v>
      </c>
      <c r="G27" s="10">
        <v>19</v>
      </c>
      <c r="H27" s="10">
        <v>21</v>
      </c>
      <c r="I27" s="10">
        <v>20</v>
      </c>
      <c r="J27" s="10">
        <v>17</v>
      </c>
      <c r="K27" s="10">
        <v>29</v>
      </c>
      <c r="L27" s="10">
        <v>32</v>
      </c>
      <c r="M27" s="10">
        <v>13</v>
      </c>
      <c r="N27" s="11">
        <v>25</v>
      </c>
    </row>
    <row r="28" spans="1:14" ht="15.75" customHeight="1" x14ac:dyDescent="0.15">
      <c r="A28" s="12" t="s">
        <v>37</v>
      </c>
      <c r="B28" s="10">
        <v>2166</v>
      </c>
      <c r="C28" s="10">
        <v>147</v>
      </c>
      <c r="D28" s="10">
        <v>161</v>
      </c>
      <c r="E28" s="10">
        <v>236</v>
      </c>
      <c r="F28" s="10">
        <v>178</v>
      </c>
      <c r="G28" s="10">
        <v>187</v>
      </c>
      <c r="H28" s="10">
        <v>171</v>
      </c>
      <c r="I28" s="10">
        <v>186</v>
      </c>
      <c r="J28" s="10">
        <v>169</v>
      </c>
      <c r="K28" s="10">
        <v>181</v>
      </c>
      <c r="L28" s="10">
        <v>171</v>
      </c>
      <c r="M28" s="10">
        <v>187</v>
      </c>
      <c r="N28" s="11">
        <v>192</v>
      </c>
    </row>
    <row r="29" spans="1:14" ht="15.75" customHeight="1" x14ac:dyDescent="0.15">
      <c r="A29" s="12" t="s">
        <v>38</v>
      </c>
      <c r="B29" s="10">
        <v>422</v>
      </c>
      <c r="C29" s="10">
        <v>27</v>
      </c>
      <c r="D29" s="10">
        <v>32</v>
      </c>
      <c r="E29" s="10">
        <v>47</v>
      </c>
      <c r="F29" s="10">
        <v>39</v>
      </c>
      <c r="G29" s="10">
        <v>36</v>
      </c>
      <c r="H29" s="10">
        <v>30</v>
      </c>
      <c r="I29" s="10">
        <v>48</v>
      </c>
      <c r="J29" s="10">
        <v>31</v>
      </c>
      <c r="K29" s="10">
        <v>33</v>
      </c>
      <c r="L29" s="10">
        <v>30</v>
      </c>
      <c r="M29" s="10">
        <v>31</v>
      </c>
      <c r="N29" s="11">
        <v>38</v>
      </c>
    </row>
    <row r="30" spans="1:14" ht="15.75" customHeight="1" x14ac:dyDescent="0.15">
      <c r="A30" s="12" t="s">
        <v>39</v>
      </c>
      <c r="B30" s="10">
        <v>224</v>
      </c>
      <c r="C30" s="10">
        <v>10</v>
      </c>
      <c r="D30" s="10">
        <v>19</v>
      </c>
      <c r="E30" s="10">
        <v>26</v>
      </c>
      <c r="F30" s="10">
        <v>17</v>
      </c>
      <c r="G30" s="10">
        <v>20</v>
      </c>
      <c r="H30" s="10">
        <v>19</v>
      </c>
      <c r="I30" s="10">
        <v>23</v>
      </c>
      <c r="J30" s="10">
        <v>18</v>
      </c>
      <c r="K30" s="10">
        <v>17</v>
      </c>
      <c r="L30" s="10">
        <v>17</v>
      </c>
      <c r="M30" s="10">
        <v>19</v>
      </c>
      <c r="N30" s="11">
        <v>19</v>
      </c>
    </row>
    <row r="31" spans="1:14" ht="15.75" customHeight="1" x14ac:dyDescent="0.15">
      <c r="A31" s="12" t="s">
        <v>40</v>
      </c>
      <c r="B31" s="10">
        <v>343</v>
      </c>
      <c r="C31" s="10">
        <v>29</v>
      </c>
      <c r="D31" s="10">
        <v>18</v>
      </c>
      <c r="E31" s="10">
        <v>36</v>
      </c>
      <c r="F31" s="10">
        <v>26</v>
      </c>
      <c r="G31" s="10">
        <v>31</v>
      </c>
      <c r="H31" s="10">
        <v>24</v>
      </c>
      <c r="I31" s="10">
        <v>38</v>
      </c>
      <c r="J31" s="10">
        <v>30</v>
      </c>
      <c r="K31" s="10">
        <v>30</v>
      </c>
      <c r="L31" s="10">
        <v>27</v>
      </c>
      <c r="M31" s="10">
        <v>33</v>
      </c>
      <c r="N31" s="11">
        <v>21</v>
      </c>
    </row>
    <row r="32" spans="1:14" ht="15.75" customHeight="1" x14ac:dyDescent="0.15">
      <c r="A32" s="12" t="s">
        <v>41</v>
      </c>
      <c r="B32" s="10">
        <v>334</v>
      </c>
      <c r="C32" s="10">
        <v>24</v>
      </c>
      <c r="D32" s="10">
        <v>30</v>
      </c>
      <c r="E32" s="10">
        <v>35</v>
      </c>
      <c r="F32" s="10">
        <v>25</v>
      </c>
      <c r="G32" s="10">
        <v>23</v>
      </c>
      <c r="H32" s="10">
        <v>26</v>
      </c>
      <c r="I32" s="10">
        <v>26</v>
      </c>
      <c r="J32" s="10">
        <v>29</v>
      </c>
      <c r="K32" s="10">
        <v>32</v>
      </c>
      <c r="L32" s="10">
        <v>22</v>
      </c>
      <c r="M32" s="10">
        <v>30</v>
      </c>
      <c r="N32" s="11">
        <v>32</v>
      </c>
    </row>
    <row r="33" spans="1:14" ht="15.75" customHeight="1" x14ac:dyDescent="0.15">
      <c r="A33" s="12" t="s">
        <v>42</v>
      </c>
      <c r="B33" s="10">
        <v>301</v>
      </c>
      <c r="C33" s="10">
        <v>17</v>
      </c>
      <c r="D33" s="10">
        <v>26</v>
      </c>
      <c r="E33" s="10">
        <v>37</v>
      </c>
      <c r="F33" s="10">
        <v>26</v>
      </c>
      <c r="G33" s="10">
        <v>26</v>
      </c>
      <c r="H33" s="10">
        <v>22</v>
      </c>
      <c r="I33" s="10">
        <v>19</v>
      </c>
      <c r="J33" s="10">
        <v>21</v>
      </c>
      <c r="K33" s="10">
        <v>21</v>
      </c>
      <c r="L33" s="10">
        <v>29</v>
      </c>
      <c r="M33" s="10">
        <v>28</v>
      </c>
      <c r="N33" s="11">
        <v>29</v>
      </c>
    </row>
    <row r="34" spans="1:14" ht="15.75" customHeight="1" x14ac:dyDescent="0.15">
      <c r="A34" s="12" t="s">
        <v>43</v>
      </c>
      <c r="B34" s="10">
        <v>315</v>
      </c>
      <c r="C34" s="10">
        <v>16</v>
      </c>
      <c r="D34" s="10">
        <v>21</v>
      </c>
      <c r="E34" s="10">
        <v>29</v>
      </c>
      <c r="F34" s="10">
        <v>28</v>
      </c>
      <c r="G34" s="10">
        <v>29</v>
      </c>
      <c r="H34" s="10">
        <v>22</v>
      </c>
      <c r="I34" s="10">
        <v>18</v>
      </c>
      <c r="J34" s="10">
        <v>27</v>
      </c>
      <c r="K34" s="10">
        <v>27</v>
      </c>
      <c r="L34" s="10">
        <v>33</v>
      </c>
      <c r="M34" s="10">
        <v>29</v>
      </c>
      <c r="N34" s="11">
        <v>36</v>
      </c>
    </row>
    <row r="35" spans="1:14" ht="15.75" customHeight="1" x14ac:dyDescent="0.15">
      <c r="A35" s="12" t="s">
        <v>44</v>
      </c>
      <c r="B35" s="10">
        <v>227</v>
      </c>
      <c r="C35" s="10">
        <v>24</v>
      </c>
      <c r="D35" s="10">
        <v>15</v>
      </c>
      <c r="E35" s="10">
        <v>26</v>
      </c>
      <c r="F35" s="10">
        <v>17</v>
      </c>
      <c r="G35" s="10">
        <v>22</v>
      </c>
      <c r="H35" s="10">
        <v>28</v>
      </c>
      <c r="I35" s="10">
        <v>14</v>
      </c>
      <c r="J35" s="10">
        <v>13</v>
      </c>
      <c r="K35" s="10">
        <v>21</v>
      </c>
      <c r="L35" s="10">
        <v>13</v>
      </c>
      <c r="M35" s="10">
        <v>17</v>
      </c>
      <c r="N35" s="11">
        <v>17</v>
      </c>
    </row>
    <row r="36" spans="1:14" ht="15.75" customHeight="1" x14ac:dyDescent="0.15">
      <c r="A36" s="12" t="s">
        <v>45</v>
      </c>
      <c r="B36" s="10">
        <v>1065</v>
      </c>
      <c r="C36" s="10">
        <v>83</v>
      </c>
      <c r="D36" s="10">
        <v>97</v>
      </c>
      <c r="E36" s="10">
        <v>140</v>
      </c>
      <c r="F36" s="10">
        <v>90</v>
      </c>
      <c r="G36" s="10">
        <v>92</v>
      </c>
      <c r="H36" s="10">
        <v>82</v>
      </c>
      <c r="I36" s="10">
        <v>77</v>
      </c>
      <c r="J36" s="10">
        <v>70</v>
      </c>
      <c r="K36" s="10">
        <v>92</v>
      </c>
      <c r="L36" s="10">
        <v>83</v>
      </c>
      <c r="M36" s="10">
        <v>67</v>
      </c>
      <c r="N36" s="11">
        <v>92</v>
      </c>
    </row>
    <row r="37" spans="1:14" ht="15.75" customHeight="1" x14ac:dyDescent="0.15">
      <c r="A37" s="12" t="s">
        <v>31</v>
      </c>
      <c r="B37" s="10">
        <v>239</v>
      </c>
      <c r="C37" s="10">
        <v>19</v>
      </c>
      <c r="D37" s="10">
        <v>24</v>
      </c>
      <c r="E37" s="10">
        <v>33</v>
      </c>
      <c r="F37" s="10">
        <v>18</v>
      </c>
      <c r="G37" s="10">
        <v>20</v>
      </c>
      <c r="H37" s="10">
        <v>24</v>
      </c>
      <c r="I37" s="10">
        <v>13</v>
      </c>
      <c r="J37" s="10">
        <v>19</v>
      </c>
      <c r="K37" s="10">
        <v>16</v>
      </c>
      <c r="L37" s="10">
        <v>15</v>
      </c>
      <c r="M37" s="10">
        <v>12</v>
      </c>
      <c r="N37" s="11">
        <v>26</v>
      </c>
    </row>
    <row r="38" spans="1:14" ht="15.75" customHeight="1" x14ac:dyDescent="0.15">
      <c r="A38" s="12" t="s">
        <v>46</v>
      </c>
      <c r="B38" s="10">
        <v>443</v>
      </c>
      <c r="C38" s="10">
        <v>28</v>
      </c>
      <c r="D38" s="10">
        <v>39</v>
      </c>
      <c r="E38" s="10">
        <v>56</v>
      </c>
      <c r="F38" s="10">
        <v>37</v>
      </c>
      <c r="G38" s="10">
        <v>42</v>
      </c>
      <c r="H38" s="10">
        <v>35</v>
      </c>
      <c r="I38" s="10">
        <v>38</v>
      </c>
      <c r="J38" s="10">
        <v>28</v>
      </c>
      <c r="K38" s="10">
        <v>37</v>
      </c>
      <c r="L38" s="10">
        <v>35</v>
      </c>
      <c r="M38" s="10">
        <v>35</v>
      </c>
      <c r="N38" s="11">
        <v>33</v>
      </c>
    </row>
    <row r="39" spans="1:14" ht="15.75" customHeight="1" x14ac:dyDescent="0.15">
      <c r="A39" s="12" t="s">
        <v>23</v>
      </c>
      <c r="B39" s="10">
        <v>383</v>
      </c>
      <c r="C39" s="10">
        <v>36</v>
      </c>
      <c r="D39" s="10">
        <v>34</v>
      </c>
      <c r="E39" s="10">
        <v>51</v>
      </c>
      <c r="F39" s="10">
        <v>35</v>
      </c>
      <c r="G39" s="10">
        <v>30</v>
      </c>
      <c r="H39" s="10">
        <v>23</v>
      </c>
      <c r="I39" s="10">
        <v>26</v>
      </c>
      <c r="J39" s="10">
        <v>23</v>
      </c>
      <c r="K39" s="10">
        <v>39</v>
      </c>
      <c r="L39" s="10">
        <v>33</v>
      </c>
      <c r="M39" s="10">
        <v>20</v>
      </c>
      <c r="N39" s="11">
        <v>33</v>
      </c>
    </row>
    <row r="40" spans="1:14" ht="15.75" customHeight="1" x14ac:dyDescent="0.15">
      <c r="A40" s="12" t="s">
        <v>47</v>
      </c>
      <c r="B40" s="10">
        <v>626</v>
      </c>
      <c r="C40" s="10">
        <v>49</v>
      </c>
      <c r="D40" s="10">
        <v>54</v>
      </c>
      <c r="E40" s="10">
        <v>69</v>
      </c>
      <c r="F40" s="10">
        <v>46</v>
      </c>
      <c r="G40" s="10">
        <v>53</v>
      </c>
      <c r="H40" s="10">
        <v>50</v>
      </c>
      <c r="I40" s="10">
        <v>59</v>
      </c>
      <c r="J40" s="10">
        <v>43</v>
      </c>
      <c r="K40" s="10">
        <v>46</v>
      </c>
      <c r="L40" s="10">
        <v>59</v>
      </c>
      <c r="M40" s="10">
        <v>55</v>
      </c>
      <c r="N40" s="11">
        <v>43</v>
      </c>
    </row>
    <row r="41" spans="1:14" ht="15.75" customHeight="1" x14ac:dyDescent="0.15">
      <c r="A41" s="12" t="s">
        <v>48</v>
      </c>
      <c r="B41" s="10">
        <v>384</v>
      </c>
      <c r="C41" s="10">
        <v>29</v>
      </c>
      <c r="D41" s="10">
        <v>33</v>
      </c>
      <c r="E41" s="10">
        <v>41</v>
      </c>
      <c r="F41" s="10">
        <v>33</v>
      </c>
      <c r="G41" s="10">
        <v>32</v>
      </c>
      <c r="H41" s="10">
        <v>32</v>
      </c>
      <c r="I41" s="10">
        <v>29</v>
      </c>
      <c r="J41" s="10">
        <v>30</v>
      </c>
      <c r="K41" s="10">
        <v>28</v>
      </c>
      <c r="L41" s="10">
        <v>29</v>
      </c>
      <c r="M41" s="10">
        <v>28</v>
      </c>
      <c r="N41" s="11">
        <v>40</v>
      </c>
    </row>
    <row r="42" spans="1:14" ht="15.75" customHeight="1" x14ac:dyDescent="0.15">
      <c r="A42" s="12" t="s">
        <v>49</v>
      </c>
      <c r="B42" s="10">
        <v>235</v>
      </c>
      <c r="C42" s="10">
        <v>19</v>
      </c>
      <c r="D42" s="10">
        <v>18</v>
      </c>
      <c r="E42" s="10">
        <v>36</v>
      </c>
      <c r="F42" s="10">
        <v>17</v>
      </c>
      <c r="G42" s="10">
        <v>17</v>
      </c>
      <c r="H42" s="10">
        <v>21</v>
      </c>
      <c r="I42" s="10">
        <v>16</v>
      </c>
      <c r="J42" s="10">
        <v>12</v>
      </c>
      <c r="K42" s="10">
        <v>16</v>
      </c>
      <c r="L42" s="10">
        <v>17</v>
      </c>
      <c r="M42" s="10">
        <v>20</v>
      </c>
      <c r="N42" s="11">
        <v>26</v>
      </c>
    </row>
    <row r="43" spans="1:14" ht="15.75" customHeight="1" x14ac:dyDescent="0.15">
      <c r="A43" s="12" t="s">
        <v>50</v>
      </c>
      <c r="B43" s="10">
        <v>623</v>
      </c>
      <c r="C43" s="10">
        <v>53</v>
      </c>
      <c r="D43" s="10">
        <v>50</v>
      </c>
      <c r="E43" s="10">
        <v>70</v>
      </c>
      <c r="F43" s="10">
        <v>60</v>
      </c>
      <c r="G43" s="10">
        <v>51</v>
      </c>
      <c r="H43" s="10">
        <v>47</v>
      </c>
      <c r="I43" s="10">
        <v>47</v>
      </c>
      <c r="J43" s="10">
        <v>54</v>
      </c>
      <c r="K43" s="10">
        <v>46</v>
      </c>
      <c r="L43" s="10">
        <v>40</v>
      </c>
      <c r="M43" s="10">
        <v>48</v>
      </c>
      <c r="N43" s="11">
        <v>57</v>
      </c>
    </row>
    <row r="44" spans="1:14" ht="15.75" customHeight="1" x14ac:dyDescent="0.15">
      <c r="A44" s="12" t="s">
        <v>51</v>
      </c>
      <c r="B44" s="10">
        <v>270</v>
      </c>
      <c r="C44" s="10">
        <v>22</v>
      </c>
      <c r="D44" s="10">
        <v>27</v>
      </c>
      <c r="E44" s="10">
        <v>25</v>
      </c>
      <c r="F44" s="10">
        <v>18</v>
      </c>
      <c r="G44" s="10">
        <v>22</v>
      </c>
      <c r="H44" s="10">
        <v>18</v>
      </c>
      <c r="I44" s="10">
        <v>23</v>
      </c>
      <c r="J44" s="10">
        <v>19</v>
      </c>
      <c r="K44" s="10">
        <v>24</v>
      </c>
      <c r="L44" s="10">
        <v>27</v>
      </c>
      <c r="M44" s="10">
        <v>24</v>
      </c>
      <c r="N44" s="11">
        <v>21</v>
      </c>
    </row>
    <row r="45" spans="1:14" ht="15.75" customHeight="1" x14ac:dyDescent="0.15">
      <c r="A45" s="12" t="s">
        <v>52</v>
      </c>
      <c r="B45" s="10">
        <v>352</v>
      </c>
      <c r="C45" s="10">
        <v>23</v>
      </c>
      <c r="D45" s="10">
        <v>38</v>
      </c>
      <c r="E45" s="10">
        <v>35</v>
      </c>
      <c r="F45" s="10">
        <v>37</v>
      </c>
      <c r="G45" s="10">
        <v>20</v>
      </c>
      <c r="H45" s="10">
        <v>31</v>
      </c>
      <c r="I45" s="10">
        <v>32</v>
      </c>
      <c r="J45" s="10">
        <v>24</v>
      </c>
      <c r="K45" s="10">
        <v>28</v>
      </c>
      <c r="L45" s="10">
        <v>23</v>
      </c>
      <c r="M45" s="10">
        <v>30</v>
      </c>
      <c r="N45" s="11">
        <v>31</v>
      </c>
    </row>
    <row r="46" spans="1:14" ht="15.75" customHeight="1" x14ac:dyDescent="0.15">
      <c r="A46" s="12" t="s">
        <v>53</v>
      </c>
      <c r="B46" s="10">
        <v>76</v>
      </c>
      <c r="C46" s="10">
        <v>7</v>
      </c>
      <c r="D46" s="10">
        <v>7</v>
      </c>
      <c r="E46" s="10">
        <v>6</v>
      </c>
      <c r="F46" s="10">
        <v>12</v>
      </c>
      <c r="G46" s="10">
        <v>6</v>
      </c>
      <c r="H46" s="10">
        <v>3</v>
      </c>
      <c r="I46" s="10">
        <v>5</v>
      </c>
      <c r="J46" s="10">
        <v>7</v>
      </c>
      <c r="K46" s="10">
        <v>5</v>
      </c>
      <c r="L46" s="10">
        <v>7</v>
      </c>
      <c r="M46" s="10">
        <v>4</v>
      </c>
      <c r="N46" s="11">
        <v>7</v>
      </c>
    </row>
    <row r="47" spans="1:14" ht="15.75" customHeight="1" x14ac:dyDescent="0.15">
      <c r="A47" s="12" t="s">
        <v>54</v>
      </c>
      <c r="B47" s="10">
        <v>50</v>
      </c>
      <c r="C47" s="10">
        <v>2</v>
      </c>
      <c r="D47" s="10">
        <v>5</v>
      </c>
      <c r="E47" s="10">
        <v>1</v>
      </c>
      <c r="F47" s="10">
        <v>2</v>
      </c>
      <c r="G47" s="10">
        <v>6</v>
      </c>
      <c r="H47" s="10">
        <v>8</v>
      </c>
      <c r="I47" s="10">
        <v>6</v>
      </c>
      <c r="J47" s="10">
        <v>3</v>
      </c>
      <c r="K47" s="10">
        <v>2</v>
      </c>
      <c r="L47" s="10">
        <v>5</v>
      </c>
      <c r="M47" s="10">
        <v>5</v>
      </c>
      <c r="N47" s="11">
        <v>5</v>
      </c>
    </row>
    <row r="48" spans="1:14" ht="15.75" customHeight="1" x14ac:dyDescent="0.15">
      <c r="A48" s="12" t="s">
        <v>55</v>
      </c>
      <c r="B48" s="10">
        <v>250</v>
      </c>
      <c r="C48" s="10">
        <v>18</v>
      </c>
      <c r="D48" s="10">
        <v>22</v>
      </c>
      <c r="E48" s="10">
        <v>18</v>
      </c>
      <c r="F48" s="10">
        <v>20</v>
      </c>
      <c r="G48" s="10">
        <v>19</v>
      </c>
      <c r="H48" s="10">
        <v>21</v>
      </c>
      <c r="I48" s="10">
        <v>22</v>
      </c>
      <c r="J48" s="10">
        <v>15</v>
      </c>
      <c r="K48" s="10">
        <v>17</v>
      </c>
      <c r="L48" s="10">
        <v>34</v>
      </c>
      <c r="M48" s="10">
        <v>18</v>
      </c>
      <c r="N48" s="11">
        <v>26</v>
      </c>
    </row>
    <row r="49" spans="1:14" ht="15.75" customHeight="1" x14ac:dyDescent="0.15">
      <c r="A49" s="12" t="s">
        <v>56</v>
      </c>
      <c r="B49" s="10">
        <v>357</v>
      </c>
      <c r="C49" s="10">
        <v>27</v>
      </c>
      <c r="D49" s="10">
        <v>29</v>
      </c>
      <c r="E49" s="10">
        <v>42</v>
      </c>
      <c r="F49" s="10">
        <v>28</v>
      </c>
      <c r="G49" s="10">
        <v>26</v>
      </c>
      <c r="H49" s="10">
        <v>28</v>
      </c>
      <c r="I49" s="10">
        <v>27</v>
      </c>
      <c r="J49" s="10">
        <v>27</v>
      </c>
      <c r="K49" s="10">
        <v>37</v>
      </c>
      <c r="L49" s="10">
        <v>20</v>
      </c>
      <c r="M49" s="10">
        <v>34</v>
      </c>
      <c r="N49" s="11">
        <v>32</v>
      </c>
    </row>
    <row r="50" spans="1:14" ht="15.75" customHeight="1" x14ac:dyDescent="0.15">
      <c r="A50" s="12" t="s">
        <v>57</v>
      </c>
      <c r="B50" s="10">
        <v>386</v>
      </c>
      <c r="C50" s="10">
        <v>29</v>
      </c>
      <c r="D50" s="10">
        <v>26</v>
      </c>
      <c r="E50" s="10">
        <v>27</v>
      </c>
      <c r="F50" s="10">
        <v>39</v>
      </c>
      <c r="G50" s="10">
        <v>42</v>
      </c>
      <c r="H50" s="10">
        <v>32</v>
      </c>
      <c r="I50" s="10">
        <v>38</v>
      </c>
      <c r="J50" s="10">
        <v>12</v>
      </c>
      <c r="K50" s="10">
        <v>34</v>
      </c>
      <c r="L50" s="10">
        <v>35</v>
      </c>
      <c r="M50" s="10">
        <v>29</v>
      </c>
      <c r="N50" s="11">
        <v>43</v>
      </c>
    </row>
    <row r="51" spans="1:14" ht="15.75" customHeight="1" x14ac:dyDescent="0.15">
      <c r="A51" s="12" t="s">
        <v>58</v>
      </c>
      <c r="B51" s="10">
        <v>137</v>
      </c>
      <c r="C51" s="10">
        <v>16</v>
      </c>
      <c r="D51" s="10">
        <v>9</v>
      </c>
      <c r="E51" s="10">
        <v>12</v>
      </c>
      <c r="F51" s="10">
        <v>7</v>
      </c>
      <c r="G51" s="10">
        <v>10</v>
      </c>
      <c r="H51" s="10">
        <v>11</v>
      </c>
      <c r="I51" s="10">
        <v>16</v>
      </c>
      <c r="J51" s="10">
        <v>13</v>
      </c>
      <c r="K51" s="10">
        <v>10</v>
      </c>
      <c r="L51" s="10">
        <v>10</v>
      </c>
      <c r="M51" s="10">
        <v>12</v>
      </c>
      <c r="N51" s="11">
        <v>11</v>
      </c>
    </row>
    <row r="52" spans="1:14" ht="15.75" customHeight="1" x14ac:dyDescent="0.15">
      <c r="A52" s="12" t="s">
        <v>59</v>
      </c>
      <c r="B52" s="10">
        <v>195</v>
      </c>
      <c r="C52" s="10">
        <v>14</v>
      </c>
      <c r="D52" s="10">
        <v>12</v>
      </c>
      <c r="E52" s="10">
        <v>20</v>
      </c>
      <c r="F52" s="10">
        <v>17</v>
      </c>
      <c r="G52" s="10">
        <v>17</v>
      </c>
      <c r="H52" s="10">
        <v>15</v>
      </c>
      <c r="I52" s="10">
        <v>20</v>
      </c>
      <c r="J52" s="10">
        <v>15</v>
      </c>
      <c r="K52" s="10">
        <v>14</v>
      </c>
      <c r="L52" s="10">
        <v>21</v>
      </c>
      <c r="M52" s="10">
        <v>14</v>
      </c>
      <c r="N52" s="11">
        <v>16</v>
      </c>
    </row>
    <row r="53" spans="1:14" ht="15.75" customHeight="1" x14ac:dyDescent="0.15">
      <c r="A53" s="12" t="s">
        <v>60</v>
      </c>
      <c r="B53" s="10">
        <v>200</v>
      </c>
      <c r="C53" s="10">
        <v>23</v>
      </c>
      <c r="D53" s="10">
        <v>21</v>
      </c>
      <c r="E53" s="10">
        <v>13</v>
      </c>
      <c r="F53" s="10">
        <v>15</v>
      </c>
      <c r="G53" s="10">
        <v>16</v>
      </c>
      <c r="H53" s="10">
        <v>11</v>
      </c>
      <c r="I53" s="10">
        <v>14</v>
      </c>
      <c r="J53" s="10">
        <v>14</v>
      </c>
      <c r="K53" s="10">
        <v>18</v>
      </c>
      <c r="L53" s="10">
        <v>20</v>
      </c>
      <c r="M53" s="10">
        <v>22</v>
      </c>
      <c r="N53" s="11">
        <v>13</v>
      </c>
    </row>
    <row r="54" spans="1:14" ht="15.75" customHeight="1" x14ac:dyDescent="0.15">
      <c r="A54" s="12" t="s">
        <v>61</v>
      </c>
      <c r="B54" s="10">
        <v>63</v>
      </c>
      <c r="C54" s="10">
        <v>7</v>
      </c>
      <c r="D54" s="10">
        <v>6</v>
      </c>
      <c r="E54" s="10">
        <v>8</v>
      </c>
      <c r="F54" s="10">
        <v>5</v>
      </c>
      <c r="G54" s="10">
        <v>5</v>
      </c>
      <c r="H54" s="10">
        <v>2</v>
      </c>
      <c r="I54" s="10">
        <v>5</v>
      </c>
      <c r="J54" s="10">
        <v>6</v>
      </c>
      <c r="K54" s="10">
        <v>2</v>
      </c>
      <c r="L54" s="10">
        <v>2</v>
      </c>
      <c r="M54" s="10">
        <v>8</v>
      </c>
      <c r="N54" s="11">
        <v>7</v>
      </c>
    </row>
    <row r="55" spans="1:14" ht="15.75" customHeight="1" x14ac:dyDescent="0.15">
      <c r="A55" s="12" t="s">
        <v>62</v>
      </c>
      <c r="B55" s="10">
        <v>148</v>
      </c>
      <c r="C55" s="10">
        <v>21</v>
      </c>
      <c r="D55" s="10">
        <v>11</v>
      </c>
      <c r="E55" s="10">
        <v>16</v>
      </c>
      <c r="F55" s="10">
        <v>16</v>
      </c>
      <c r="G55" s="10">
        <v>10</v>
      </c>
      <c r="H55" s="10">
        <v>12</v>
      </c>
      <c r="I55" s="10">
        <v>10</v>
      </c>
      <c r="J55" s="10">
        <v>6</v>
      </c>
      <c r="K55" s="10">
        <v>15</v>
      </c>
      <c r="L55" s="10">
        <v>10</v>
      </c>
      <c r="M55" s="10">
        <v>7</v>
      </c>
      <c r="N55" s="11">
        <v>14</v>
      </c>
    </row>
    <row r="56" spans="1:14" ht="15.75" customHeight="1" x14ac:dyDescent="0.15">
      <c r="A56" s="12" t="s">
        <v>63</v>
      </c>
      <c r="B56" s="10">
        <v>45</v>
      </c>
      <c r="C56" s="10">
        <v>1</v>
      </c>
      <c r="D56" s="10">
        <v>4</v>
      </c>
      <c r="E56" s="10">
        <v>8</v>
      </c>
      <c r="F56" s="10">
        <v>0</v>
      </c>
      <c r="G56" s="10">
        <v>5</v>
      </c>
      <c r="H56" s="10">
        <v>5</v>
      </c>
      <c r="I56" s="10">
        <v>5</v>
      </c>
      <c r="J56" s="10">
        <v>2</v>
      </c>
      <c r="K56" s="10">
        <v>8</v>
      </c>
      <c r="L56" s="10">
        <v>2</v>
      </c>
      <c r="M56" s="10">
        <v>2</v>
      </c>
      <c r="N56" s="11">
        <v>3</v>
      </c>
    </row>
    <row r="57" spans="1:14" ht="15.75" customHeight="1" x14ac:dyDescent="0.15">
      <c r="A57" s="12" t="s">
        <v>64</v>
      </c>
      <c r="B57" s="10">
        <v>83</v>
      </c>
      <c r="C57" s="10">
        <v>4</v>
      </c>
      <c r="D57" s="10">
        <v>5</v>
      </c>
      <c r="E57" s="10">
        <v>11</v>
      </c>
      <c r="F57" s="10">
        <v>6</v>
      </c>
      <c r="G57" s="10">
        <v>8</v>
      </c>
      <c r="H57" s="10">
        <v>7</v>
      </c>
      <c r="I57" s="10">
        <v>3</v>
      </c>
      <c r="J57" s="10">
        <v>6</v>
      </c>
      <c r="K57" s="10">
        <v>12</v>
      </c>
      <c r="L57" s="10">
        <v>8</v>
      </c>
      <c r="M57" s="10">
        <v>10</v>
      </c>
      <c r="N57" s="11">
        <v>3</v>
      </c>
    </row>
    <row r="58" spans="1:14" ht="15.75" customHeight="1" x14ac:dyDescent="0.15">
      <c r="A58" s="12" t="s">
        <v>65</v>
      </c>
      <c r="B58" s="10">
        <v>42</v>
      </c>
      <c r="C58" s="10">
        <v>2</v>
      </c>
      <c r="D58" s="10">
        <v>4</v>
      </c>
      <c r="E58" s="10">
        <v>3</v>
      </c>
      <c r="F58" s="10">
        <v>5</v>
      </c>
      <c r="G58" s="10">
        <v>3</v>
      </c>
      <c r="H58" s="10">
        <v>4</v>
      </c>
      <c r="I58" s="10">
        <v>5</v>
      </c>
      <c r="J58" s="10">
        <v>4</v>
      </c>
      <c r="K58" s="10">
        <v>6</v>
      </c>
      <c r="L58" s="10">
        <v>2</v>
      </c>
      <c r="M58" s="10">
        <v>1</v>
      </c>
      <c r="N58" s="11">
        <v>3</v>
      </c>
    </row>
    <row r="59" spans="1:14" ht="15.75" customHeight="1" x14ac:dyDescent="0.15">
      <c r="A59" s="12" t="s">
        <v>66</v>
      </c>
      <c r="B59" s="10">
        <v>31</v>
      </c>
      <c r="C59" s="10">
        <v>2</v>
      </c>
      <c r="D59" s="10">
        <v>6</v>
      </c>
      <c r="E59" s="10">
        <v>4</v>
      </c>
      <c r="F59" s="10">
        <v>2</v>
      </c>
      <c r="G59" s="10">
        <v>3</v>
      </c>
      <c r="H59" s="10">
        <v>1</v>
      </c>
      <c r="I59" s="10">
        <v>3</v>
      </c>
      <c r="J59" s="10">
        <v>1</v>
      </c>
      <c r="K59" s="10">
        <v>2</v>
      </c>
      <c r="L59" s="10">
        <v>2</v>
      </c>
      <c r="M59" s="10">
        <v>2</v>
      </c>
      <c r="N59" s="11">
        <v>3</v>
      </c>
    </row>
    <row r="60" spans="1:14" ht="15.75" customHeight="1" x14ac:dyDescent="0.15">
      <c r="A60" s="12" t="s">
        <v>67</v>
      </c>
      <c r="B60" s="10">
        <v>13</v>
      </c>
      <c r="C60" s="10">
        <v>1</v>
      </c>
      <c r="D60" s="10">
        <v>1</v>
      </c>
      <c r="E60" s="10">
        <v>2</v>
      </c>
      <c r="F60" s="10">
        <v>1</v>
      </c>
      <c r="G60" s="10">
        <v>0</v>
      </c>
      <c r="H60" s="10">
        <v>2</v>
      </c>
      <c r="I60" s="10">
        <v>0</v>
      </c>
      <c r="J60" s="10">
        <v>0</v>
      </c>
      <c r="K60" s="10">
        <v>1</v>
      </c>
      <c r="L60" s="10">
        <v>4</v>
      </c>
      <c r="M60" s="10">
        <v>0</v>
      </c>
      <c r="N60" s="11">
        <v>1</v>
      </c>
    </row>
    <row r="61" spans="1:14" ht="15.75" customHeight="1" x14ac:dyDescent="0.15">
      <c r="A61" s="12" t="s">
        <v>68</v>
      </c>
      <c r="B61" s="10">
        <v>30</v>
      </c>
      <c r="C61" s="10">
        <v>2</v>
      </c>
      <c r="D61" s="10">
        <v>2</v>
      </c>
      <c r="E61" s="10">
        <v>7</v>
      </c>
      <c r="F61" s="10">
        <v>1</v>
      </c>
      <c r="G61" s="10">
        <v>0</v>
      </c>
      <c r="H61" s="10">
        <v>2</v>
      </c>
      <c r="I61" s="10">
        <v>2</v>
      </c>
      <c r="J61" s="10">
        <v>2</v>
      </c>
      <c r="K61" s="10">
        <v>3</v>
      </c>
      <c r="L61" s="10">
        <v>5</v>
      </c>
      <c r="M61" s="10">
        <v>2</v>
      </c>
      <c r="N61" s="11">
        <v>2</v>
      </c>
    </row>
    <row r="62" spans="1:14" ht="15.75" customHeight="1" x14ac:dyDescent="0.15">
      <c r="A62" s="12" t="s">
        <v>69</v>
      </c>
      <c r="B62" s="10">
        <v>13</v>
      </c>
      <c r="C62" s="10">
        <v>0</v>
      </c>
      <c r="D62" s="10">
        <v>0</v>
      </c>
      <c r="E62" s="10">
        <v>3</v>
      </c>
      <c r="F62" s="10">
        <v>1</v>
      </c>
      <c r="G62" s="10">
        <v>1</v>
      </c>
      <c r="H62" s="10">
        <v>0</v>
      </c>
      <c r="I62" s="10">
        <v>2</v>
      </c>
      <c r="J62" s="10">
        <v>0</v>
      </c>
      <c r="K62" s="10">
        <v>3</v>
      </c>
      <c r="L62" s="10">
        <v>1</v>
      </c>
      <c r="M62" s="10">
        <v>1</v>
      </c>
      <c r="N62" s="11">
        <v>1</v>
      </c>
    </row>
    <row r="63" spans="1:14" ht="15.75" customHeight="1" x14ac:dyDescent="0.15">
      <c r="A63" s="12" t="s">
        <v>70</v>
      </c>
      <c r="B63" s="10">
        <v>10</v>
      </c>
      <c r="C63" s="10">
        <v>0</v>
      </c>
      <c r="D63" s="10">
        <v>3</v>
      </c>
      <c r="E63" s="10">
        <v>2</v>
      </c>
      <c r="F63" s="10">
        <v>0</v>
      </c>
      <c r="G63" s="10">
        <v>0</v>
      </c>
      <c r="H63" s="10">
        <v>0</v>
      </c>
      <c r="I63" s="10">
        <v>1</v>
      </c>
      <c r="J63" s="10">
        <v>1</v>
      </c>
      <c r="K63" s="10">
        <v>0</v>
      </c>
      <c r="L63" s="10">
        <v>0</v>
      </c>
      <c r="M63" s="10">
        <v>3</v>
      </c>
      <c r="N63" s="11">
        <v>0</v>
      </c>
    </row>
    <row r="64" spans="1:14" ht="15.75" customHeight="1" x14ac:dyDescent="0.15">
      <c r="A64" s="12" t="s">
        <v>71</v>
      </c>
      <c r="B64" s="10">
        <v>23</v>
      </c>
      <c r="C64" s="10">
        <v>3</v>
      </c>
      <c r="D64" s="10">
        <v>1</v>
      </c>
      <c r="E64" s="10">
        <v>3</v>
      </c>
      <c r="F64" s="10">
        <v>1</v>
      </c>
      <c r="G64" s="10">
        <v>2</v>
      </c>
      <c r="H64" s="10">
        <v>2</v>
      </c>
      <c r="I64" s="10">
        <v>3</v>
      </c>
      <c r="J64" s="10">
        <v>4</v>
      </c>
      <c r="K64" s="10">
        <v>2</v>
      </c>
      <c r="L64" s="10">
        <v>1</v>
      </c>
      <c r="M64" s="10">
        <v>0</v>
      </c>
      <c r="N64" s="11">
        <v>1</v>
      </c>
    </row>
    <row r="65" spans="1:14" ht="15.75" customHeight="1" x14ac:dyDescent="0.15">
      <c r="A65" s="12" t="s">
        <v>72</v>
      </c>
      <c r="B65" s="10">
        <v>21</v>
      </c>
      <c r="C65" s="10">
        <v>1</v>
      </c>
      <c r="D65" s="10">
        <v>0</v>
      </c>
      <c r="E65" s="10">
        <v>1</v>
      </c>
      <c r="F65" s="10">
        <v>2</v>
      </c>
      <c r="G65" s="10">
        <v>0</v>
      </c>
      <c r="H65" s="10">
        <v>2</v>
      </c>
      <c r="I65" s="10">
        <v>0</v>
      </c>
      <c r="J65" s="10">
        <v>4</v>
      </c>
      <c r="K65" s="10">
        <v>4</v>
      </c>
      <c r="L65" s="10">
        <v>3</v>
      </c>
      <c r="M65" s="10">
        <v>2</v>
      </c>
      <c r="N65" s="11">
        <v>2</v>
      </c>
    </row>
    <row r="66" spans="1:14" ht="15.75" customHeight="1" x14ac:dyDescent="0.15">
      <c r="A66" s="12" t="s">
        <v>73</v>
      </c>
      <c r="B66" s="10">
        <v>15</v>
      </c>
      <c r="C66" s="10">
        <v>1</v>
      </c>
      <c r="D66" s="10">
        <v>2</v>
      </c>
      <c r="E66" s="10">
        <v>2</v>
      </c>
      <c r="F66" s="10">
        <v>0</v>
      </c>
      <c r="G66" s="10">
        <v>3</v>
      </c>
      <c r="H66" s="10">
        <v>0</v>
      </c>
      <c r="I66" s="10">
        <v>1</v>
      </c>
      <c r="J66" s="10">
        <v>1</v>
      </c>
      <c r="K66" s="10">
        <v>2</v>
      </c>
      <c r="L66" s="10">
        <v>0</v>
      </c>
      <c r="M66" s="10">
        <v>0</v>
      </c>
      <c r="N66" s="11">
        <v>3</v>
      </c>
    </row>
    <row r="67" spans="1:14" ht="15.75" customHeight="1" x14ac:dyDescent="0.15">
      <c r="A67" s="12" t="s">
        <v>74</v>
      </c>
      <c r="B67" s="10">
        <v>33</v>
      </c>
      <c r="C67" s="10">
        <v>3</v>
      </c>
      <c r="D67" s="10">
        <v>0</v>
      </c>
      <c r="E67" s="10">
        <v>3</v>
      </c>
      <c r="F67" s="10">
        <v>5</v>
      </c>
      <c r="G67" s="10">
        <v>2</v>
      </c>
      <c r="H67" s="10">
        <v>5</v>
      </c>
      <c r="I67" s="10">
        <v>0</v>
      </c>
      <c r="J67" s="10">
        <v>5</v>
      </c>
      <c r="K67" s="10">
        <v>7</v>
      </c>
      <c r="L67" s="10">
        <v>1</v>
      </c>
      <c r="M67" s="10">
        <v>2</v>
      </c>
      <c r="N67" s="11">
        <v>0</v>
      </c>
    </row>
    <row r="68" spans="1:14" ht="15.75" customHeight="1" x14ac:dyDescent="0.15">
      <c r="A68" s="12" t="s">
        <v>75</v>
      </c>
      <c r="B68" s="10">
        <v>81</v>
      </c>
      <c r="C68" s="10">
        <v>2</v>
      </c>
      <c r="D68" s="10">
        <v>9</v>
      </c>
      <c r="E68" s="10">
        <v>9</v>
      </c>
      <c r="F68" s="10">
        <v>8</v>
      </c>
      <c r="G68" s="10">
        <v>7</v>
      </c>
      <c r="H68" s="10">
        <v>6</v>
      </c>
      <c r="I68" s="10">
        <v>6</v>
      </c>
      <c r="J68" s="10">
        <v>6</v>
      </c>
      <c r="K68" s="10">
        <v>8</v>
      </c>
      <c r="L68" s="10">
        <v>6</v>
      </c>
      <c r="M68" s="10">
        <v>7</v>
      </c>
      <c r="N68" s="11">
        <v>7</v>
      </c>
    </row>
    <row r="69" spans="1:14" ht="15.75" customHeight="1" thickBot="1" x14ac:dyDescent="0.2">
      <c r="A69" s="13" t="s">
        <v>76</v>
      </c>
      <c r="B69" s="14">
        <v>1</v>
      </c>
      <c r="C69" s="14">
        <v>1</v>
      </c>
      <c r="D69" s="14">
        <v>0</v>
      </c>
      <c r="E69" s="14">
        <v>0</v>
      </c>
      <c r="F69" s="14">
        <v>0</v>
      </c>
      <c r="G69" s="14">
        <v>0</v>
      </c>
      <c r="H69" s="14">
        <v>0</v>
      </c>
      <c r="I69" s="14">
        <v>0</v>
      </c>
      <c r="J69" s="14">
        <v>0</v>
      </c>
      <c r="K69" s="14">
        <v>0</v>
      </c>
      <c r="L69" s="14">
        <v>0</v>
      </c>
      <c r="M69" s="14">
        <v>0</v>
      </c>
      <c r="N69" s="15">
        <v>0</v>
      </c>
    </row>
  </sheetData>
  <phoneticPr fontId="1"/>
  <pageMargins left="0.78740157480314965" right="0.78740157480314965" top="0.78740157480314965" bottom="0.78740157480314965" header="0.51181102362204722" footer="0.51181102362204722"/>
  <pageSetup paperSize="9" scale="70" orientation="portrait" r:id="rId1"/>
  <headerFooter alignWithMargins="0">
    <oddHeader>&amp;L&amp;"ＭＳ Ｐゴシック,太字"&amp;12離婚0100　離婚件数、届出月×市区町村別&amp;R&amp;"ＭＳ Ｐゴシック,太字"&amp;12（&amp;N－&amp;P）</oddHead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Rikon0100</vt:lpstr>
      <vt:lpstr>Rikon0100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/>
  <cp:lastModifiedBy>user</cp:lastModifiedBy>
  <dcterms:created xsi:type="dcterms:W3CDTF">2025-11-17T01:51:19Z</dcterms:created>
  <dcterms:modified xsi:type="dcterms:W3CDTF">2025-12-01T06:49:10Z</dcterms:modified>
</cp:coreProperties>
</file>